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9-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9-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ormer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watervogel, snavel, vogel&#10;&#10;Automatisch gegenereerde beschrijving">
            <a:extLst>
              <a:ext uri="{FF2B5EF4-FFF2-40B4-BE49-F238E27FC236}">
                <a16:creationId xmlns:a16="http://schemas.microsoft.com/office/drawing/2014/main" id="{E91D1C28-F488-B84A-3973-E861CBD2E30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4589" y="4508790"/>
            <a:ext cx="1530411" cy="210584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watervogel, snavel, vogel&#10;&#10;Automatisch gegenereerde beschrijving">
            <a:extLst>
              <a:ext uri="{FF2B5EF4-FFF2-40B4-BE49-F238E27FC236}">
                <a16:creationId xmlns:a16="http://schemas.microsoft.com/office/drawing/2014/main" id="{914BB55F-26AB-D205-FA20-30260518C3F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9100" y="3691002"/>
            <a:ext cx="1162750" cy="159994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29T12:23:27Z</dcterms:modified>
</cp:coreProperties>
</file>